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theme/theme2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96" r:id="rId20"/>
  </p:sldMasterIdLst>
  <p:notesMasterIdLst>
    <p:notesMasterId r:id="rId31"/>
  </p:notesMasterIdLst>
  <p:sldIdLst>
    <p:sldId id="2142533867" r:id="rId21"/>
    <p:sldId id="2142533868" r:id="rId22"/>
    <p:sldId id="2142533878" r:id="rId23"/>
    <p:sldId id="2142533881" r:id="rId24"/>
    <p:sldId id="2142533879" r:id="rId25"/>
    <p:sldId id="2142533880" r:id="rId26"/>
    <p:sldId id="2142533873" r:id="rId27"/>
    <p:sldId id="2142533876" r:id="rId28"/>
    <p:sldId id="2142533877" r:id="rId29"/>
    <p:sldId id="2142533869" r:id="rId30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2706" userDrawn="1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965B1"/>
    <a:srgbClr val="097288"/>
    <a:srgbClr val="008A00"/>
    <a:srgbClr val="DBDDDF"/>
    <a:srgbClr val="F6BD18"/>
    <a:srgbClr val="3C454A"/>
    <a:srgbClr val="D62429"/>
    <a:srgbClr val="EC7A2E"/>
    <a:srgbClr val="71797D"/>
    <a:srgbClr val="3E464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F1358E0-110A-3B4F-A86D-F27F4D7F0F70}" v="9" dt="2026-02-11T11:19:27.811"/>
    <p1510:client id="{E587C502-F652-8043-A0E5-95921D5F0968}" v="5" dt="2026-02-11T11:54:42.688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6534"/>
    <p:restoredTop sz="94635"/>
  </p:normalViewPr>
  <p:slideViewPr>
    <p:cSldViewPr snapToGrid="0">
      <p:cViewPr varScale="1">
        <p:scale>
          <a:sx n="101" d="100"/>
          <a:sy n="101" d="100"/>
        </p:scale>
        <p:origin x="1192" y="480"/>
      </p:cViewPr>
      <p:guideLst>
        <p:guide orient="horz" pos="2160"/>
        <p:guide pos="2706"/>
      </p:guideLst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6.xml"/><Relationship Id="rId21" Type="http://schemas.openxmlformats.org/officeDocument/2006/relationships/slide" Target="slides/slide1.xml"/><Relationship Id="rId34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1.xml"/><Relationship Id="rId29" Type="http://schemas.openxmlformats.org/officeDocument/2006/relationships/slide" Target="slides/slide9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presProps" Target="presProps.xml"/><Relationship Id="rId37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microsoft.com/office/2016/11/relationships/changesInfo" Target="changesInfos/changesInfo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tableStyles" Target="tableStyle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Glen Nygaard" userId="96c9ae8b-3cd6-482e-9b3d-39ef2d614de3" providerId="ADAL" clId="{014844F4-0BBE-595A-BF51-C60733D51A0F}"/>
    <pc:docChg chg="addSld modSld">
      <pc:chgData name="Glen Nygaard" userId="96c9ae8b-3cd6-482e-9b3d-39ef2d614de3" providerId="ADAL" clId="{014844F4-0BBE-595A-BF51-C60733D51A0F}" dt="2026-02-11T11:54:42.688" v="7" actId="14826"/>
      <pc:docMkLst>
        <pc:docMk/>
      </pc:docMkLst>
      <pc:sldChg chg="addSp modSp mod">
        <pc:chgData name="Glen Nygaard" userId="96c9ae8b-3cd6-482e-9b3d-39ef2d614de3" providerId="ADAL" clId="{014844F4-0BBE-595A-BF51-C60733D51A0F}" dt="2026-02-11T11:54:27.456" v="5" actId="1076"/>
        <pc:sldMkLst>
          <pc:docMk/>
          <pc:sldMk cId="4048167914" sldId="2142533868"/>
        </pc:sldMkLst>
        <pc:picChg chg="add mod">
          <ac:chgData name="Glen Nygaard" userId="96c9ae8b-3cd6-482e-9b3d-39ef2d614de3" providerId="ADAL" clId="{014844F4-0BBE-595A-BF51-C60733D51A0F}" dt="2026-02-11T11:54:27.456" v="5" actId="1076"/>
          <ac:picMkLst>
            <pc:docMk/>
            <pc:sldMk cId="4048167914" sldId="2142533868"/>
            <ac:picMk id="3" creationId="{CD983C92-F635-71DE-1A98-6AEF64155467}"/>
          </ac:picMkLst>
        </pc:picChg>
      </pc:sldChg>
      <pc:sldChg chg="modSp add">
        <pc:chgData name="Glen Nygaard" userId="96c9ae8b-3cd6-482e-9b3d-39ef2d614de3" providerId="ADAL" clId="{014844F4-0BBE-595A-BF51-C60733D51A0F}" dt="2026-02-11T11:54:42.688" v="7" actId="14826"/>
        <pc:sldMkLst>
          <pc:docMk/>
          <pc:sldMk cId="276417455" sldId="2142533878"/>
        </pc:sldMkLst>
        <pc:picChg chg="mod">
          <ac:chgData name="Glen Nygaard" userId="96c9ae8b-3cd6-482e-9b3d-39ef2d614de3" providerId="ADAL" clId="{014844F4-0BBE-595A-BF51-C60733D51A0F}" dt="2026-02-11T11:54:42.688" v="7" actId="14826"/>
          <ac:picMkLst>
            <pc:docMk/>
            <pc:sldMk cId="276417455" sldId="2142533878"/>
            <ac:picMk id="3" creationId="{8847A41B-FB50-2B55-48E5-B8E242D958DA}"/>
          </ac:picMkLst>
        </pc:picChg>
      </pc:sldChg>
    </pc:docChg>
  </pc:docChgLst>
  <pc:docChgLst>
    <pc:chgData name="Glen Nygaard" userId="e0a45168-fe2f-4db6-a1d5-a40171154990" providerId="ADAL" clId="{014844F4-0BBE-595A-BF51-C60733D51A0F}"/>
    <pc:docChg chg="custSel delSld modSld">
      <pc:chgData name="Glen Nygaard" userId="e0a45168-fe2f-4db6-a1d5-a40171154990" providerId="ADAL" clId="{014844F4-0BBE-595A-BF51-C60733D51A0F}" dt="2026-02-11T11:19:35.219" v="22" actId="14100"/>
      <pc:docMkLst>
        <pc:docMk/>
      </pc:docMkLst>
      <pc:sldChg chg="addSp delSp modSp mod">
        <pc:chgData name="Glen Nygaard" userId="e0a45168-fe2f-4db6-a1d5-a40171154990" providerId="ADAL" clId="{014844F4-0BBE-595A-BF51-C60733D51A0F}" dt="2026-02-11T11:19:35.219" v="22" actId="14100"/>
        <pc:sldMkLst>
          <pc:docMk/>
          <pc:sldMk cId="2626856982" sldId="2142533867"/>
        </pc:sldMkLst>
        <pc:picChg chg="add mod">
          <ac:chgData name="Glen Nygaard" userId="e0a45168-fe2f-4db6-a1d5-a40171154990" providerId="ADAL" clId="{014844F4-0BBE-595A-BF51-C60733D51A0F}" dt="2026-02-11T11:19:35.219" v="22" actId="14100"/>
          <ac:picMkLst>
            <pc:docMk/>
            <pc:sldMk cId="2626856982" sldId="2142533867"/>
            <ac:picMk id="2" creationId="{2F1E8293-14EA-253E-FC90-A9D6C58155D4}"/>
          </ac:picMkLst>
        </pc:picChg>
        <pc:picChg chg="del">
          <ac:chgData name="Glen Nygaard" userId="e0a45168-fe2f-4db6-a1d5-a40171154990" providerId="ADAL" clId="{014844F4-0BBE-595A-BF51-C60733D51A0F}" dt="2026-02-11T11:17:14.097" v="0" actId="478"/>
          <ac:picMkLst>
            <pc:docMk/>
            <pc:sldMk cId="2626856982" sldId="2142533867"/>
            <ac:picMk id="5" creationId="{96F2C3C0-D98C-8223-7BE4-13FF04AD37D9}"/>
          </ac:picMkLst>
        </pc:picChg>
      </pc:sldChg>
      <pc:sldChg chg="delSp modSp mod">
        <pc:chgData name="Glen Nygaard" userId="e0a45168-fe2f-4db6-a1d5-a40171154990" providerId="ADAL" clId="{014844F4-0BBE-595A-BF51-C60733D51A0F}" dt="2026-02-11T11:17:32.606" v="8" actId="478"/>
        <pc:sldMkLst>
          <pc:docMk/>
          <pc:sldMk cId="4048167914" sldId="2142533868"/>
        </pc:sldMkLst>
        <pc:graphicFrameChg chg="del mod">
          <ac:chgData name="Glen Nygaard" userId="e0a45168-fe2f-4db6-a1d5-a40171154990" providerId="ADAL" clId="{014844F4-0BBE-595A-BF51-C60733D51A0F}" dt="2026-02-11T11:17:32.606" v="8" actId="478"/>
          <ac:graphicFrameMkLst>
            <pc:docMk/>
            <pc:sldMk cId="4048167914" sldId="2142533868"/>
            <ac:graphicFrameMk id="5" creationId="{55625C45-A3ED-AC5A-C921-AC0135D7CF85}"/>
          </ac:graphicFrameMkLst>
        </pc:graphicFrameChg>
      </pc:sldChg>
      <pc:sldChg chg="del">
        <pc:chgData name="Glen Nygaard" userId="e0a45168-fe2f-4db6-a1d5-a40171154990" providerId="ADAL" clId="{014844F4-0BBE-595A-BF51-C60733D51A0F}" dt="2026-02-11T11:17:48.325" v="10" actId="2696"/>
        <pc:sldMkLst>
          <pc:docMk/>
          <pc:sldMk cId="1942540787" sldId="2142533870"/>
        </pc:sldMkLst>
      </pc:sldChg>
      <pc:sldChg chg="del">
        <pc:chgData name="Glen Nygaard" userId="e0a45168-fe2f-4db6-a1d5-a40171154990" providerId="ADAL" clId="{014844F4-0BBE-595A-BF51-C60733D51A0F}" dt="2026-02-11T11:17:48.330" v="12" actId="2696"/>
        <pc:sldMkLst>
          <pc:docMk/>
          <pc:sldMk cId="2643182850" sldId="2142533871"/>
        </pc:sldMkLst>
      </pc:sldChg>
      <pc:sldChg chg="del">
        <pc:chgData name="Glen Nygaard" userId="e0a45168-fe2f-4db6-a1d5-a40171154990" providerId="ADAL" clId="{014844F4-0BBE-595A-BF51-C60733D51A0F}" dt="2026-02-11T11:17:55.765" v="15" actId="2696"/>
        <pc:sldMkLst>
          <pc:docMk/>
          <pc:sldMk cId="3798442256" sldId="2142533874"/>
        </pc:sldMkLst>
      </pc:sldChg>
      <pc:sldChg chg="delSp modSp mod">
        <pc:chgData name="Glen Nygaard" userId="e0a45168-fe2f-4db6-a1d5-a40171154990" providerId="ADAL" clId="{014844F4-0BBE-595A-BF51-C60733D51A0F}" dt="2026-02-11T11:18:02.311" v="18" actId="478"/>
        <pc:sldMkLst>
          <pc:docMk/>
          <pc:sldMk cId="4288429047" sldId="2142533876"/>
        </pc:sldMkLst>
        <pc:spChg chg="del mod">
          <ac:chgData name="Glen Nygaard" userId="e0a45168-fe2f-4db6-a1d5-a40171154990" providerId="ADAL" clId="{014844F4-0BBE-595A-BF51-C60733D51A0F}" dt="2026-02-11T11:18:00.185" v="17" actId="478"/>
          <ac:spMkLst>
            <pc:docMk/>
            <pc:sldMk cId="4288429047" sldId="2142533876"/>
            <ac:spMk id="4" creationId="{A311D686-5C8E-8A84-D5BC-6D4A338D7298}"/>
          </ac:spMkLst>
        </pc:spChg>
        <pc:picChg chg="del">
          <ac:chgData name="Glen Nygaard" userId="e0a45168-fe2f-4db6-a1d5-a40171154990" providerId="ADAL" clId="{014844F4-0BBE-595A-BF51-C60733D51A0F}" dt="2026-02-11T11:18:02.311" v="18" actId="478"/>
          <ac:picMkLst>
            <pc:docMk/>
            <pc:sldMk cId="4288429047" sldId="2142533876"/>
            <ac:picMk id="3073" creationId="{8321E2F6-A9D3-7CD5-FB1D-CB430135E264}"/>
          </ac:picMkLst>
        </pc:picChg>
      </pc:sldChg>
      <pc:sldChg chg="del">
        <pc:chgData name="Glen Nygaard" userId="e0a45168-fe2f-4db6-a1d5-a40171154990" providerId="ADAL" clId="{014844F4-0BBE-595A-BF51-C60733D51A0F}" dt="2026-02-11T11:17:38.133" v="9" actId="2696"/>
        <pc:sldMkLst>
          <pc:docMk/>
          <pc:sldMk cId="1133802855" sldId="2142533878"/>
        </pc:sldMkLst>
      </pc:sldChg>
      <pc:sldChg chg="del">
        <pc:chgData name="Glen Nygaard" userId="e0a45168-fe2f-4db6-a1d5-a40171154990" providerId="ADAL" clId="{014844F4-0BBE-595A-BF51-C60733D51A0F}" dt="2026-02-11T11:17:38.133" v="9" actId="2696"/>
        <pc:sldMkLst>
          <pc:docMk/>
          <pc:sldMk cId="532935327" sldId="2142533879"/>
        </pc:sldMkLst>
      </pc:sldChg>
      <pc:sldChg chg="del">
        <pc:chgData name="Glen Nygaard" userId="e0a45168-fe2f-4db6-a1d5-a40171154990" providerId="ADAL" clId="{014844F4-0BBE-595A-BF51-C60733D51A0F}" dt="2026-02-11T11:17:38.133" v="9" actId="2696"/>
        <pc:sldMkLst>
          <pc:docMk/>
          <pc:sldMk cId="1381213757" sldId="2142533880"/>
        </pc:sldMkLst>
      </pc:sldChg>
      <pc:sldChg chg="del">
        <pc:chgData name="Glen Nygaard" userId="e0a45168-fe2f-4db6-a1d5-a40171154990" providerId="ADAL" clId="{014844F4-0BBE-595A-BF51-C60733D51A0F}" dt="2026-02-11T11:17:48.331" v="13" actId="2696"/>
        <pc:sldMkLst>
          <pc:docMk/>
          <pc:sldMk cId="3837763206" sldId="2142533881"/>
        </pc:sldMkLst>
      </pc:sldChg>
      <pc:sldChg chg="del">
        <pc:chgData name="Glen Nygaard" userId="e0a45168-fe2f-4db6-a1d5-a40171154990" providerId="ADAL" clId="{014844F4-0BBE-595A-BF51-C60733D51A0F}" dt="2026-02-11T11:17:48.326" v="11" actId="2696"/>
        <pc:sldMkLst>
          <pc:docMk/>
          <pc:sldMk cId="2689615843" sldId="2142533882"/>
        </pc:sldMkLst>
      </pc:sldChg>
      <pc:sldChg chg="del">
        <pc:chgData name="Glen Nygaard" userId="e0a45168-fe2f-4db6-a1d5-a40171154990" providerId="ADAL" clId="{014844F4-0BBE-595A-BF51-C60733D51A0F}" dt="2026-02-11T11:17:48.334" v="14" actId="2696"/>
        <pc:sldMkLst>
          <pc:docMk/>
          <pc:sldMk cId="3499081998" sldId="2142533883"/>
        </pc:sldMkLst>
      </pc:sldChg>
    </pc:docChg>
  </pc:docChgLst>
</pc:chgInfo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EDCA87A2-BD1B-426C-AFCB-39937A444E4A}" type="datetimeFigureOut">
              <a:rPr lang="en-US" smtClean="0"/>
              <a:t>2/18/26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B4884D80-B825-47BF-8C92-89A5146EE27F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9308959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linkedin.com/groups/12960224/" TargetMode="External"/><Relationship Id="rId2" Type="http://schemas.openxmlformats.org/officeDocument/2006/relationships/hyperlink" Target="https://github.com/MeetupRepo/MGUG/" TargetMode="External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1_Haedline + free spac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Box 8">
            <a:extLst>
              <a:ext uri="{FF2B5EF4-FFF2-40B4-BE49-F238E27FC236}">
                <a16:creationId xmlns:a16="http://schemas.microsoft.com/office/drawing/2014/main" id="{F9DD8E7A-97CB-E832-49F9-4FAEB05D06B4}"/>
              </a:ext>
            </a:extLst>
          </p:cNvPr>
          <p:cNvSpPr txBox="1"/>
          <p:nvPr userDrawn="1"/>
        </p:nvSpPr>
        <p:spPr>
          <a:xfrm>
            <a:off x="9506649" y="6457890"/>
            <a:ext cx="2685351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000">
                <a:hlinkClick r:id="rId2"/>
              </a:rPr>
              <a:t>https://github.com/MeetupRepo/MGUG/</a:t>
            </a:r>
            <a:endParaRPr lang="en-US" sz="1000"/>
          </a:p>
          <a:p>
            <a:r>
              <a:rPr lang="en-US" sz="1000">
                <a:hlinkClick r:id="rId3"/>
              </a:rPr>
              <a:t>https://www.linkedin.com/groups/12960224/</a:t>
            </a:r>
            <a:r>
              <a:rPr lang="en-US" sz="1000"/>
              <a:t> </a:t>
            </a:r>
          </a:p>
        </p:txBody>
      </p:sp>
      <p:pic>
        <p:nvPicPr>
          <p:cNvPr id="10" name="Picture 9" descr="A red and black logo with text&#10;&#10;Description automatically generated">
            <a:extLst>
              <a:ext uri="{FF2B5EF4-FFF2-40B4-BE49-F238E27FC236}">
                <a16:creationId xmlns:a16="http://schemas.microsoft.com/office/drawing/2014/main" id="{BA406087-0C82-6BA0-38DF-4B4CC82D2F78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007419"/>
            <a:ext cx="848497" cy="85058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6903393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MeetupRepo/MGUG/" TargetMode="External"/><Relationship Id="rId2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5" Type="http://schemas.openxmlformats.org/officeDocument/2006/relationships/image" Target="../media/image1.png"/><Relationship Id="rId4" Type="http://schemas.openxmlformats.org/officeDocument/2006/relationships/hyperlink" Target="https://www.linkedin.com/groups/12960224/" TargetMode="Externa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EDD86D38-02A9-3003-E8DB-BAA7D52F0464}"/>
              </a:ext>
            </a:extLst>
          </p:cNvPr>
          <p:cNvSpPr txBox="1"/>
          <p:nvPr userDrawn="1"/>
        </p:nvSpPr>
        <p:spPr>
          <a:xfrm>
            <a:off x="9506649" y="6457890"/>
            <a:ext cx="2685351" cy="400110"/>
          </a:xfrm>
          <a:prstGeom prst="rect">
            <a:avLst/>
          </a:prstGeom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wrap="none" rtlCol="0">
            <a:spAutoFit/>
          </a:bodyPr>
          <a:lstStyle/>
          <a:p>
            <a:r>
              <a:rPr lang="en-US" sz="1000">
                <a:hlinkClick r:id="rId3"/>
              </a:rPr>
              <a:t>https://github.com/MeetupRepo/MGUG/</a:t>
            </a:r>
            <a:endParaRPr lang="en-US" sz="1000"/>
          </a:p>
          <a:p>
            <a:r>
              <a:rPr lang="en-US" sz="1000">
                <a:hlinkClick r:id="rId4"/>
              </a:rPr>
              <a:t>https://www.linkedin.com/groups/12960224/</a:t>
            </a:r>
            <a:r>
              <a:rPr lang="en-US" sz="1000"/>
              <a:t> </a:t>
            </a:r>
          </a:p>
        </p:txBody>
      </p:sp>
      <p:pic>
        <p:nvPicPr>
          <p:cNvPr id="5" name="Picture 4" descr="A red and black logo with text&#10;&#10;Description automatically generated">
            <a:extLst>
              <a:ext uri="{FF2B5EF4-FFF2-40B4-BE49-F238E27FC236}">
                <a16:creationId xmlns:a16="http://schemas.microsoft.com/office/drawing/2014/main" id="{D11316F0-B4D5-6C15-E693-E75485402269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007419"/>
            <a:ext cx="848497" cy="85058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9326772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13" r:id="rId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7.xml"/><Relationship Id="rId4" Type="http://schemas.openxmlformats.org/officeDocument/2006/relationships/image" Target="../media/image2.pn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8.xml"/><Relationship Id="rId4" Type="http://schemas.openxmlformats.org/officeDocument/2006/relationships/image" Target="../media/image8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6.xml"/><Relationship Id="rId4" Type="http://schemas.openxmlformats.org/officeDocument/2006/relationships/image" Target="../media/image3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1.xml"/><Relationship Id="rId4" Type="http://schemas.openxmlformats.org/officeDocument/2006/relationships/image" Target="../media/image4.pn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1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jpeg"/><Relationship Id="rId1" Type="http://schemas.openxmlformats.org/officeDocument/2006/relationships/slideLayout" Target="../slideLayouts/slideLayout1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2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1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hyperlink" Target="https://www.meetup.com/microsoft-governance-user-group/" TargetMode="Externa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Relationship Id="rId6" Type="http://schemas.openxmlformats.org/officeDocument/2006/relationships/hyperlink" Target="https://github.com/MeetupRepo/MGUG" TargetMode="External"/><Relationship Id="rId5" Type="http://schemas.openxmlformats.org/officeDocument/2006/relationships/hyperlink" Target="https://www.linkedin.com/company/microsoft-governance-user-group" TargetMode="External"/><Relationship Id="rId4" Type="http://schemas.openxmlformats.org/officeDocument/2006/relationships/hyperlink" Target="https://www.youtube.com/@yggdrasil13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76A68CCC-1812-8280-D3BE-2317F52AD0B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-28660" y="69850"/>
            <a:ext cx="12220660" cy="67183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2685698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4">
            <a:lum/>
          </a:blip>
          <a:srcRect/>
          <a:tile tx="0" ty="0" sx="100000" sy="100000" flip="none" algn="tl"/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5174829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A screenshot of a computer&#10;&#10;AI-generated content may be incorrect.">
            <a:extLst>
              <a:ext uri="{FF2B5EF4-FFF2-40B4-BE49-F238E27FC236}">
                <a16:creationId xmlns:a16="http://schemas.microsoft.com/office/drawing/2014/main" id="{CD983C92-F635-71DE-1A98-6AEF6415546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3782" y="809488"/>
            <a:ext cx="9772818" cy="470097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4816791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97BDE7F4-7DA3-40FC-F579-E8AAA79DF6C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847A41B-FB50-2B55-48E5-B8E242D958DA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42984"/>
            <a:ext cx="12192000" cy="681501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641745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2D0EB1F-9346-9876-F749-645EF70FB09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A poster with text and images of a robot and computer&#10;&#10;AI-generated content may be incorrect.">
            <a:extLst>
              <a:ext uri="{FF2B5EF4-FFF2-40B4-BE49-F238E27FC236}">
                <a16:creationId xmlns:a16="http://schemas.microsoft.com/office/drawing/2014/main" id="{7DE1C17C-F535-F654-4CD9-C661B6FA206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82139" y="0"/>
            <a:ext cx="3827721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9421949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A poster of a chatbot&#10;&#10;AI-generated content may be incorrect.">
            <a:extLst>
              <a:ext uri="{FF2B5EF4-FFF2-40B4-BE49-F238E27FC236}">
                <a16:creationId xmlns:a16="http://schemas.microsoft.com/office/drawing/2014/main" id="{EC124814-E598-8029-DE2B-D340B5DEB8E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26581"/>
            <a:ext cx="12192000" cy="68048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0619639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6522B9C-BF78-A5B7-74AE-CC6BFFE3FA9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A diagram of a shield with different symbols&#10;&#10;AI-generated content may be incorrect.">
            <a:extLst>
              <a:ext uri="{FF2B5EF4-FFF2-40B4-BE49-F238E27FC236}">
                <a16:creationId xmlns:a16="http://schemas.microsoft.com/office/drawing/2014/main" id="{B4229676-6C7A-C7AF-9894-6FC77EACA4D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82139" y="0"/>
            <a:ext cx="3827721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4486808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E6F009DF-A79F-9AE6-A0EC-48101EE76BFC}"/>
              </a:ext>
            </a:extLst>
          </p:cNvPr>
          <p:cNvSpPr txBox="1"/>
          <p:nvPr/>
        </p:nvSpPr>
        <p:spPr>
          <a:xfrm>
            <a:off x="4421069" y="2659559"/>
            <a:ext cx="2906565" cy="76944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sz="4400" err="1">
                <a:latin typeface="Comic Sans MS" panose="030F0702030302020204" pitchFamily="66" charset="0"/>
              </a:rPr>
              <a:t>Discussion</a:t>
            </a:r>
            <a:endParaRPr lang="en-US" sz="4400">
              <a:latin typeface="Comic Sans MS" panose="030F0702030302020204" pitchFamily="66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1323110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DAFADCA6-C7E0-E429-FFA3-341F342338C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4A0B0BF7-59E3-4500-50D8-25373A695405}"/>
              </a:ext>
            </a:extLst>
          </p:cNvPr>
          <p:cNvSpPr txBox="1"/>
          <p:nvPr/>
        </p:nvSpPr>
        <p:spPr>
          <a:xfrm>
            <a:off x="461319" y="477794"/>
            <a:ext cx="3594254" cy="76944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sz="4400" err="1">
                <a:latin typeface="Comic Sans MS" panose="030F0702030302020204" pitchFamily="66" charset="0"/>
              </a:rPr>
              <a:t>Next</a:t>
            </a:r>
            <a:r>
              <a:rPr lang="nb-NO" sz="4400">
                <a:latin typeface="Comic Sans MS" panose="030F0702030302020204" pitchFamily="66" charset="0"/>
              </a:rPr>
              <a:t> </a:t>
            </a:r>
            <a:r>
              <a:rPr lang="nb-NO" sz="4400" err="1">
                <a:latin typeface="Comic Sans MS" panose="030F0702030302020204" pitchFamily="66" charset="0"/>
              </a:rPr>
              <a:t>session</a:t>
            </a:r>
            <a:endParaRPr lang="en-US" sz="4400">
              <a:latin typeface="Comic Sans MS" panose="030F0702030302020204" pitchFamily="66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8842904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F460DBD7-07D5-AC89-3FAD-F0928C0FBDC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E593533D-DB66-5591-195D-BF42C0472B8A}"/>
              </a:ext>
            </a:extLst>
          </p:cNvPr>
          <p:cNvSpPr txBox="1"/>
          <p:nvPr/>
        </p:nvSpPr>
        <p:spPr>
          <a:xfrm>
            <a:off x="461319" y="477794"/>
            <a:ext cx="9155070" cy="76944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sz="4400">
                <a:latin typeface="Comic Sans MS" panose="030F0702030302020204" pitchFamily="66" charset="0"/>
              </a:rPr>
              <a:t>Microsoft </a:t>
            </a:r>
            <a:r>
              <a:rPr lang="nb-NO" sz="4400" err="1">
                <a:latin typeface="Comic Sans MS" panose="030F0702030302020204" pitchFamily="66" charset="0"/>
              </a:rPr>
              <a:t>Governance</a:t>
            </a:r>
            <a:r>
              <a:rPr lang="nb-NO" sz="4400">
                <a:latin typeface="Comic Sans MS" panose="030F0702030302020204" pitchFamily="66" charset="0"/>
              </a:rPr>
              <a:t> User Group</a:t>
            </a:r>
            <a:endParaRPr lang="en-US" sz="4400">
              <a:latin typeface="Comic Sans MS" panose="030F0702030302020204" pitchFamily="66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3D0A070-11DF-E147-C953-DDD42FD92F07}"/>
              </a:ext>
            </a:extLst>
          </p:cNvPr>
          <p:cNvSpPr txBox="1"/>
          <p:nvPr/>
        </p:nvSpPr>
        <p:spPr>
          <a:xfrm>
            <a:off x="873211" y="1663697"/>
            <a:ext cx="11071654" cy="286232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/>
              <a:t>Recordings will be posted here: </a:t>
            </a:r>
            <a:r>
              <a:rPr lang="en-US">
                <a:hlinkClick r:id="rId4" tooltip="https://www.youtube.com/@yggdrasil13"/>
              </a:rPr>
              <a:t>https://www.youtube.com/@yggdrasil13</a:t>
            </a:r>
            <a:endParaRPr lang="en-US"/>
          </a:p>
          <a:p>
            <a:r>
              <a:rPr lang="en-US"/>
              <a:t>Connect with us on LinkedIn : </a:t>
            </a:r>
            <a:r>
              <a:rPr lang="en-US">
                <a:hlinkClick r:id="rId5" tooltip="https://www.linkedin.com/company/microsoft-governance-user-group"/>
              </a:rPr>
              <a:t>https://www.linkedin.com/company/microsoft-governance-user-group</a:t>
            </a:r>
            <a:endParaRPr lang="en-US"/>
          </a:p>
          <a:p>
            <a:r>
              <a:rPr lang="en-US"/>
              <a:t>GitHub repository: </a:t>
            </a:r>
            <a:r>
              <a:rPr lang="en-US">
                <a:hlinkClick r:id="rId6" tooltip="https://github.com/meetuprepo/mgug"/>
              </a:rPr>
              <a:t>https://github.com/MeetupRepo/MGUG</a:t>
            </a:r>
            <a:endParaRPr lang="en-US"/>
          </a:p>
          <a:p>
            <a:r>
              <a:rPr lang="en-US"/>
              <a:t> </a:t>
            </a:r>
          </a:p>
          <a:p>
            <a:r>
              <a:rPr lang="en-US" b="1">
                <a:hlinkClick r:id="rId7" tooltip="https://www.meetup.com/microsoft-governance-user-group/"/>
              </a:rPr>
              <a:t>https://www.meetup.com/microsoft-governance-user-group/</a:t>
            </a:r>
            <a:endParaRPr lang="en-US"/>
          </a:p>
          <a:p>
            <a:endParaRPr lang="en-US"/>
          </a:p>
          <a:p>
            <a:r>
              <a:rPr lang="en-US"/>
              <a:t>	</a:t>
            </a:r>
          </a:p>
          <a:p>
            <a:r>
              <a:rPr lang="en-US"/>
              <a:t>	</a:t>
            </a:r>
          </a:p>
          <a:p>
            <a:r>
              <a:rPr lang="en-US"/>
              <a:t>	</a:t>
            </a:r>
          </a:p>
          <a:p>
            <a:r>
              <a:rPr lang="en-US"/>
              <a:t>	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45040758"/>
      </p:ext>
    </p:extLst>
  </p:cSld>
  <p:clrMapOvr>
    <a:masterClrMapping/>
  </p:clrMapOvr>
</p:sld>
</file>

<file path=ppt/theme/theme1.xml><?xml version="1.0" encoding="utf-8"?>
<a:theme xmlns:a="http://schemas.openxmlformats.org/drawingml/2006/main" name="Atea Theme">
  <a:themeElements>
    <a:clrScheme name="Custom 1">
      <a:dk1>
        <a:srgbClr val="1F2325"/>
      </a:dk1>
      <a:lt1>
        <a:sysClr val="window" lastClr="FFFFFF"/>
      </a:lt1>
      <a:dk2>
        <a:srgbClr val="4D575D"/>
      </a:dk2>
      <a:lt2>
        <a:srgbClr val="008A00"/>
      </a:lt2>
      <a:accent1>
        <a:srgbClr val="008A00"/>
      </a:accent1>
      <a:accent2>
        <a:srgbClr val="33A133"/>
      </a:accent2>
      <a:accent3>
        <a:srgbClr val="4D575D"/>
      </a:accent3>
      <a:accent4>
        <a:srgbClr val="949A9E"/>
      </a:accent4>
      <a:accent5>
        <a:srgbClr val="F6BD18"/>
      </a:accent5>
      <a:accent6>
        <a:srgbClr val="EC7A2E"/>
      </a:accent6>
      <a:hlink>
        <a:srgbClr val="008A00"/>
      </a:hlink>
      <a:folHlink>
        <a:srgbClr val="949A9E"/>
      </a:folHlink>
    </a:clrScheme>
    <a:fontScheme name="Custom 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Subtle Solids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5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2700" h="25400" prst="coolSlant"/>
          </a:sp3d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Atea Norway CloudTrack Presentation Template 2" id="{0B8937D6-DA72-4A5A-9A1C-D5F8C64B4F3F}" vid="{111249D7-71F1-498A-A043-59D0C147C13C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10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17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18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19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C7E28CE42A9E349975134E058CE31E5" ma:contentTypeVersion="4" ma:contentTypeDescription="Create a new document." ma:contentTypeScope="" ma:versionID="95c0435cca702e303db4849a369ad268">
  <xsd:schema xmlns:xsd="http://www.w3.org/2001/XMLSchema" xmlns:xs="http://www.w3.org/2001/XMLSchema" xmlns:p="http://schemas.microsoft.com/office/2006/metadata/properties" xmlns:ns2="22baf2b8-c108-4b84-b260-9046d1f3cda6" targetNamespace="http://schemas.microsoft.com/office/2006/metadata/properties" ma:root="true" ma:fieldsID="43f506bd1b7b29bae56a5e9a9e7c542a" ns2:_="">
    <xsd:import namespace="22baf2b8-c108-4b84-b260-9046d1f3cda6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baf2b8-c108-4b84-b260-9046d1f3cda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4.xml><?xml version="1.0" encoding="utf-8"?>
<TemplafyTemplateConfiguration><![CDATA[{"elementsMetadata":[],"transformationConfigurations":[],"templateName":"Atea ASA Powerpoint template - 2023-07-07","templateDescription":"","enableDocumentContentUpdater":false,"version":"2.0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],"formDataEntries":[]}]]></Templafy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969E827E-CF8E-4F72-B4B5-B30E78567D39}">
  <ds:schemaRefs/>
</ds:datastoreItem>
</file>

<file path=customXml/itemProps10.xml><?xml version="1.0" encoding="utf-8"?>
<ds:datastoreItem xmlns:ds="http://schemas.openxmlformats.org/officeDocument/2006/customXml" ds:itemID="{A2E6E38A-4D15-2F4F-A5E9-5D5A48184287}">
  <ds:schemaRefs/>
</ds:datastoreItem>
</file>

<file path=customXml/itemProps11.xml><?xml version="1.0" encoding="utf-8"?>
<ds:datastoreItem xmlns:ds="http://schemas.openxmlformats.org/officeDocument/2006/customXml" ds:itemID="{17EBD951-CB48-C54B-BE12-7EA1C665895A}">
  <ds:schemaRefs/>
</ds:datastoreItem>
</file>

<file path=customXml/itemProps12.xml><?xml version="1.0" encoding="utf-8"?>
<ds:datastoreItem xmlns:ds="http://schemas.openxmlformats.org/officeDocument/2006/customXml" ds:itemID="{C898385D-179D-4715-BA07-C5F47E6A09D5}">
  <ds:schemaRefs/>
</ds:datastoreItem>
</file>

<file path=customXml/itemProps13.xml><?xml version="1.0" encoding="utf-8"?>
<ds:datastoreItem xmlns:ds="http://schemas.openxmlformats.org/officeDocument/2006/customXml" ds:itemID="{50E6875C-C65A-4E07-BBA2-A5D0A80D1111}">
  <ds:schemaRefs>
    <ds:schemaRef ds:uri="http://schemas.microsoft.com/office/infopath/2007/PartnerControls"/>
    <ds:schemaRef ds:uri="http://purl.org/dc/dcmitype/"/>
    <ds:schemaRef ds:uri="http://www.w3.org/XML/1998/namespace"/>
    <ds:schemaRef ds:uri="http://purl.org/dc/elements/1.1/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22baf2b8-c108-4b84-b260-9046d1f3cda6"/>
    <ds:schemaRef ds:uri="http://schemas.microsoft.com/office/2006/metadata/properties"/>
  </ds:schemaRefs>
</ds:datastoreItem>
</file>

<file path=customXml/itemProps14.xml><?xml version="1.0" encoding="utf-8"?>
<ds:datastoreItem xmlns:ds="http://schemas.openxmlformats.org/officeDocument/2006/customXml" ds:itemID="{AC0771F9-4C12-443B-8D34-C40C9D7119F2}">
  <ds:schemaRefs/>
</ds:datastoreItem>
</file>

<file path=customXml/itemProps15.xml><?xml version="1.0" encoding="utf-8"?>
<ds:datastoreItem xmlns:ds="http://schemas.openxmlformats.org/officeDocument/2006/customXml" ds:itemID="{6B9E60F2-59A0-BA4C-951D-3A87471383DF}">
  <ds:schemaRefs/>
</ds:datastoreItem>
</file>

<file path=customXml/itemProps16.xml><?xml version="1.0" encoding="utf-8"?>
<ds:datastoreItem xmlns:ds="http://schemas.openxmlformats.org/officeDocument/2006/customXml" ds:itemID="{AEA0C650-7C9D-4A5F-83E7-C633291FC09D}">
  <ds:schemaRefs/>
</ds:datastoreItem>
</file>

<file path=customXml/itemProps17.xml><?xml version="1.0" encoding="utf-8"?>
<ds:datastoreItem xmlns:ds="http://schemas.openxmlformats.org/officeDocument/2006/customXml" ds:itemID="{168ABC29-C834-41F5-B74E-52F6845218D3}">
  <ds:schemaRefs/>
</ds:datastoreItem>
</file>

<file path=customXml/itemProps18.xml><?xml version="1.0" encoding="utf-8"?>
<ds:datastoreItem xmlns:ds="http://schemas.openxmlformats.org/officeDocument/2006/customXml" ds:itemID="{B838FE29-2F86-4C82-B835-925F966A5B68}">
  <ds:schemaRefs/>
</ds:datastoreItem>
</file>

<file path=customXml/itemProps19.xml><?xml version="1.0" encoding="utf-8"?>
<ds:datastoreItem xmlns:ds="http://schemas.openxmlformats.org/officeDocument/2006/customXml" ds:itemID="{A7018CFD-F51A-40A5-A0EE-CB4ECDB4A94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2baf2b8-c108-4b84-b260-9046d1f3cda6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CB466935-F7E6-409D-8C00-8A66B302A244}">
  <ds:schemaRefs/>
</ds:datastoreItem>
</file>

<file path=customXml/itemProps3.xml><?xml version="1.0" encoding="utf-8"?>
<ds:datastoreItem xmlns:ds="http://schemas.openxmlformats.org/officeDocument/2006/customXml" ds:itemID="{E3F6F5D1-593B-B741-ACED-1F0587965342}">
  <ds:schemaRefs/>
</ds:datastoreItem>
</file>

<file path=customXml/itemProps4.xml><?xml version="1.0" encoding="utf-8"?>
<ds:datastoreItem xmlns:ds="http://schemas.openxmlformats.org/officeDocument/2006/customXml" ds:itemID="{D86F5222-CE93-4FC6-B6A0-F4639CCB23B6}">
  <ds:schemaRefs/>
</ds:datastoreItem>
</file>

<file path=customXml/itemProps5.xml><?xml version="1.0" encoding="utf-8"?>
<ds:datastoreItem xmlns:ds="http://schemas.openxmlformats.org/officeDocument/2006/customXml" ds:itemID="{0141F063-C642-494C-A8B7-F5940AFE0866}">
  <ds:schemaRefs/>
</ds:datastoreItem>
</file>

<file path=customXml/itemProps6.xml><?xml version="1.0" encoding="utf-8"?>
<ds:datastoreItem xmlns:ds="http://schemas.openxmlformats.org/officeDocument/2006/customXml" ds:itemID="{9544985E-3BAF-4300-8DE2-36F722802345}">
  <ds:schemaRefs/>
</ds:datastoreItem>
</file>

<file path=customXml/itemProps7.xml><?xml version="1.0" encoding="utf-8"?>
<ds:datastoreItem xmlns:ds="http://schemas.openxmlformats.org/officeDocument/2006/customXml" ds:itemID="{5B73485C-ED99-4F87-9EC7-328F716C248D}">
  <ds:schemaRefs/>
</ds:datastoreItem>
</file>

<file path=customXml/itemProps8.xml><?xml version="1.0" encoding="utf-8"?>
<ds:datastoreItem xmlns:ds="http://schemas.openxmlformats.org/officeDocument/2006/customXml" ds:itemID="{F4693406-A937-3045-AD75-EC3C90F2F698}">
  <ds:schemaRefs/>
</ds:datastoreItem>
</file>

<file path=customXml/itemProps9.xml><?xml version="1.0" encoding="utf-8"?>
<ds:datastoreItem xmlns:ds="http://schemas.openxmlformats.org/officeDocument/2006/customXml" ds:itemID="{3B1053CF-8F88-45CA-934B-7A7E6F885F14}">
  <ds:schemaRefs>
    <ds:schemaRef ds:uri="http://schemas.microsoft.com/sharepoint/v3/contenttype/forms"/>
  </ds:schemaRefs>
</ds:datastoreItem>
</file>

<file path=docMetadata/LabelInfo.xml><?xml version="1.0" encoding="utf-8"?>
<clbl:labelList xmlns:clbl="http://schemas.microsoft.com/office/2020/mipLabelMetadata">
  <clbl:label id="{5af4f1a9-ae13-4e26-ac6c-11f4c8a2f064}" enabled="1" method="Privileged" siteId="{65f51067-7d65-4aa9-b996-4cc43a0d711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tea Norway CloudTrack Presentation Template 2</Template>
  <TotalTime>52</TotalTime>
  <Words>67</Words>
  <Application>Microsoft Macintosh PowerPoint</Application>
  <PresentationFormat>Widescreen</PresentationFormat>
  <Paragraphs>13</Paragraphs>
  <Slides>10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0</vt:i4>
      </vt:variant>
    </vt:vector>
  </HeadingPairs>
  <TitlesOfParts>
    <vt:vector size="14" baseType="lpstr">
      <vt:lpstr>Arial</vt:lpstr>
      <vt:lpstr>Calibri</vt:lpstr>
      <vt:lpstr>Comic Sans MS</vt:lpstr>
      <vt:lpstr>Atea Them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>Mohit Sharma</cp:lastModifiedBy>
  <cp:revision>4</cp:revision>
  <dcterms:created xsi:type="dcterms:W3CDTF">2023-08-09T19:12:05Z</dcterms:created>
  <dcterms:modified xsi:type="dcterms:W3CDTF">2026-02-18T09:28:1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18450391-6d50-49e0-a466-bfda2ff2a5e1_Enabled">
    <vt:lpwstr>true</vt:lpwstr>
  </property>
  <property fmtid="{D5CDD505-2E9C-101B-9397-08002B2CF9AE}" pid="3" name="MSIP_Label_18450391-6d50-49e0-a466-bfda2ff2a5e1_SetDate">
    <vt:lpwstr>2023-07-07T12:52:46Z</vt:lpwstr>
  </property>
  <property fmtid="{D5CDD505-2E9C-101B-9397-08002B2CF9AE}" pid="4" name="MSIP_Label_18450391-6d50-49e0-a466-bfda2ff2a5e1_Method">
    <vt:lpwstr>Privileged</vt:lpwstr>
  </property>
  <property fmtid="{D5CDD505-2E9C-101B-9397-08002B2CF9AE}" pid="5" name="MSIP_Label_18450391-6d50-49e0-a466-bfda2ff2a5e1_Name">
    <vt:lpwstr>18450391-6d50-49e0-a466-bfda2ff2a5e1</vt:lpwstr>
  </property>
  <property fmtid="{D5CDD505-2E9C-101B-9397-08002B2CF9AE}" pid="6" name="MSIP_Label_18450391-6d50-49e0-a466-bfda2ff2a5e1_SiteId">
    <vt:lpwstr>65f51067-7d65-4aa9-b996-4cc43a0d7111</vt:lpwstr>
  </property>
  <property fmtid="{D5CDD505-2E9C-101B-9397-08002B2CF9AE}" pid="7" name="MSIP_Label_18450391-6d50-49e0-a466-bfda2ff2a5e1_ActionId">
    <vt:lpwstr>bae98760-f4fd-4b3d-aee0-4c07a38a4c2a</vt:lpwstr>
  </property>
  <property fmtid="{D5CDD505-2E9C-101B-9397-08002B2CF9AE}" pid="8" name="MSIP_Label_18450391-6d50-49e0-a466-bfda2ff2a5e1_ContentBits">
    <vt:lpwstr>2</vt:lpwstr>
  </property>
  <property fmtid="{D5CDD505-2E9C-101B-9397-08002B2CF9AE}" pid="9" name="ClassificationContentMarkingFooterLocations">
    <vt:lpwstr>Atea Theme:3</vt:lpwstr>
  </property>
  <property fmtid="{D5CDD505-2E9C-101B-9397-08002B2CF9AE}" pid="10" name="ClassificationContentMarkingFooterText">
    <vt:lpwstr>Sensitivity: Internal</vt:lpwstr>
  </property>
  <property fmtid="{D5CDD505-2E9C-101B-9397-08002B2CF9AE}" pid="11" name="MSIP_Label_5af4f1a9-ae13-4e26-ac6c-11f4c8a2f064_SiteId">
    <vt:lpwstr>65f51067-7d65-4aa9-b996-4cc43a0d7111</vt:lpwstr>
  </property>
  <property fmtid="{D5CDD505-2E9C-101B-9397-08002B2CF9AE}" pid="12" name="MSIP_Label_5af4f1a9-ae13-4e26-ac6c-11f4c8a2f064_Enabled">
    <vt:lpwstr>true</vt:lpwstr>
  </property>
  <property fmtid="{D5CDD505-2E9C-101B-9397-08002B2CF9AE}" pid="13" name="MediaServiceImageTags">
    <vt:lpwstr/>
  </property>
  <property fmtid="{D5CDD505-2E9C-101B-9397-08002B2CF9AE}" pid="14" name="MSIP_Label_5af4f1a9-ae13-4e26-ac6c-11f4c8a2f064_Method">
    <vt:lpwstr>Privileged</vt:lpwstr>
  </property>
  <property fmtid="{D5CDD505-2E9C-101B-9397-08002B2CF9AE}" pid="15" name="ContentTypeId">
    <vt:lpwstr>0x010100AC7E28CE42A9E349975134E058CE31E5</vt:lpwstr>
  </property>
  <property fmtid="{D5CDD505-2E9C-101B-9397-08002B2CF9AE}" pid="16" name="MSIP_Label_5af4f1a9-ae13-4e26-ac6c-11f4c8a2f064_SetDate">
    <vt:lpwstr>2021-08-17T17:14:16Z</vt:lpwstr>
  </property>
  <property fmtid="{D5CDD505-2E9C-101B-9397-08002B2CF9AE}" pid="17" name="MSIP_Label_5af4f1a9-ae13-4e26-ac6c-11f4c8a2f064_ContentBits">
    <vt:lpwstr>0</vt:lpwstr>
  </property>
  <property fmtid="{D5CDD505-2E9C-101B-9397-08002B2CF9AE}" pid="18" name="MSIP_Label_5af4f1a9-ae13-4e26-ac6c-11f4c8a2f064_Name">
    <vt:lpwstr>5af4f1a9-ae13-4e26-ac6c-11f4c8a2f064</vt:lpwstr>
  </property>
  <property fmtid="{D5CDD505-2E9C-101B-9397-08002B2CF9AE}" pid="19" name="MSIP_Label_5af4f1a9-ae13-4e26-ac6c-11f4c8a2f064_ActionId">
    <vt:lpwstr>4e35e75a-11d3-41b3-b781-8678d278f6ac</vt:lpwstr>
  </property>
  <property fmtid="{D5CDD505-2E9C-101B-9397-08002B2CF9AE}" pid="20" name="TemplafyTimeStamp">
    <vt:lpwstr>2023-07-20T13:12:42</vt:lpwstr>
  </property>
  <property fmtid="{D5CDD505-2E9C-101B-9397-08002B2CF9AE}" pid="21" name="TemplafyTenantId">
    <vt:lpwstr>atea</vt:lpwstr>
  </property>
  <property fmtid="{D5CDD505-2E9C-101B-9397-08002B2CF9AE}" pid="22" name="TemplafyTemplateId">
    <vt:lpwstr>638254555574408841</vt:lpwstr>
  </property>
  <property fmtid="{D5CDD505-2E9C-101B-9397-08002B2CF9AE}" pid="23" name="TemplafyUserProfileId">
    <vt:lpwstr>637709225171726338</vt:lpwstr>
  </property>
  <property fmtid="{D5CDD505-2E9C-101B-9397-08002B2CF9AE}" pid="24" name="TemplafyLanguageCode">
    <vt:lpwstr>en-GB</vt:lpwstr>
  </property>
  <property fmtid="{D5CDD505-2E9C-101B-9397-08002B2CF9AE}" pid="25" name="TemplafyFromBlank">
    <vt:bool>true</vt:bool>
  </property>
  <property fmtid="{D5CDD505-2E9C-101B-9397-08002B2CF9AE}" pid="26" name="Order">
    <vt:r8>300</vt:r8>
  </property>
  <property fmtid="{D5CDD505-2E9C-101B-9397-08002B2CF9AE}" pid="27" name="xd_Signature">
    <vt:bool>false</vt:bool>
  </property>
  <property fmtid="{D5CDD505-2E9C-101B-9397-08002B2CF9AE}" pid="28" name="xd_ProgID">
    <vt:lpwstr/>
  </property>
  <property fmtid="{D5CDD505-2E9C-101B-9397-08002B2CF9AE}" pid="29" name="_SourceUrl">
    <vt:lpwstr/>
  </property>
  <property fmtid="{D5CDD505-2E9C-101B-9397-08002B2CF9AE}" pid="30" name="_SharedFileIndex">
    <vt:lpwstr/>
  </property>
  <property fmtid="{D5CDD505-2E9C-101B-9397-08002B2CF9AE}" pid="31" name="ComplianceAssetId">
    <vt:lpwstr/>
  </property>
  <property fmtid="{D5CDD505-2E9C-101B-9397-08002B2CF9AE}" pid="32" name="TemplateUrl">
    <vt:lpwstr/>
  </property>
  <property fmtid="{D5CDD505-2E9C-101B-9397-08002B2CF9AE}" pid="33" name="_ExtendedDescription">
    <vt:lpwstr/>
  </property>
  <property fmtid="{D5CDD505-2E9C-101B-9397-08002B2CF9AE}" pid="34" name="TriggerFlowInfo">
    <vt:lpwstr/>
  </property>
</Properties>
</file>